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utph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Lettertype, tekst, ontwerp, Graphics&#10;&#10;Automatisch gegenereerde beschrijving">
            <a:extLst>
              <a:ext uri="{FF2B5EF4-FFF2-40B4-BE49-F238E27FC236}">
                <a16:creationId xmlns:a16="http://schemas.microsoft.com/office/drawing/2014/main" id="{D3785AEA-4143-AC54-60C0-0BDC08AF2CF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9434" y="4559076"/>
            <a:ext cx="2030412" cy="207508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Lettertype, tekst, ontwerp, Graphics&#10;&#10;Automatisch gegenereerde beschrijving">
            <a:extLst>
              <a:ext uri="{FF2B5EF4-FFF2-40B4-BE49-F238E27FC236}">
                <a16:creationId xmlns:a16="http://schemas.microsoft.com/office/drawing/2014/main" id="{C0383699-F861-9E44-364A-AB46D1B2E5C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5803" y="3655305"/>
            <a:ext cx="1636939" cy="167295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9-18T06:46:35Z</dcterms:modified>
</cp:coreProperties>
</file>